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06\03_森林企画Ｇ\02_県産木材関係\☆4_木材普及（県補助金、木づかい運動、出前講座他）\3_エコ認証制度\01.要綱等\R5要綱改正\"/>
    </mc:Choice>
  </mc:AlternateContent>
  <bookViews>
    <workbookView xWindow="240" yWindow="48" windowWidth="14940" windowHeight="8568" tabRatio="929"/>
  </bookViews>
  <sheets>
    <sheet name="様式3（１）" sheetId="12" r:id="rId1"/>
    <sheet name="様式3（２）" sheetId="13" r:id="rId2"/>
  </sheets>
  <definedNames>
    <definedName name="_xlnm.Print_Area" localSheetId="0">'様式3（１）'!$A$1:$J$33</definedName>
    <definedName name="_xlnm.Print_Area" localSheetId="1">'様式3（２）'!$A$1:$I$26</definedName>
  </definedNames>
  <calcPr calcId="152511"/>
</workbook>
</file>

<file path=xl/sharedStrings.xml><?xml version="1.0" encoding="utf-8"?>
<sst xmlns="http://schemas.openxmlformats.org/spreadsheetml/2006/main" count="65" uniqueCount="20">
  <si>
    <t>小計</t>
    <rPh sb="0" eb="2">
      <t>ショウケイ</t>
    </rPh>
    <phoneticPr fontId="1"/>
  </si>
  <si>
    <t>使用木材明細表</t>
    <rPh sb="0" eb="2">
      <t>シヨウ</t>
    </rPh>
    <rPh sb="2" eb="4">
      <t>モクザイ</t>
    </rPh>
    <rPh sb="4" eb="7">
      <t>メイサイヒョウ</t>
    </rPh>
    <phoneticPr fontId="4"/>
  </si>
  <si>
    <t>長　さ　　　　　　　　　　　　　　　（㎜）</t>
    <rPh sb="0" eb="1">
      <t>ナガ</t>
    </rPh>
    <phoneticPr fontId="4"/>
  </si>
  <si>
    <t>断面寸法(幅×厚み)　　　　　　　　　　　　　　　　　　　　　　　　　　　（㎜）</t>
    <rPh sb="0" eb="2">
      <t>ダンメン</t>
    </rPh>
    <rPh sb="2" eb="4">
      <t>スンポウ</t>
    </rPh>
    <rPh sb="5" eb="6">
      <t>ハバ</t>
    </rPh>
    <rPh sb="7" eb="8">
      <t>アツ</t>
    </rPh>
    <phoneticPr fontId="4"/>
  </si>
  <si>
    <t>数量</t>
    <rPh sb="0" eb="1">
      <t>カズ</t>
    </rPh>
    <rPh sb="1" eb="2">
      <t>リョウ</t>
    </rPh>
    <phoneticPr fontId="4"/>
  </si>
  <si>
    <t>×</t>
    <phoneticPr fontId="4"/>
  </si>
  <si>
    <t>×</t>
  </si>
  <si>
    <t>合　　　計</t>
    <rPh sb="0" eb="1">
      <t>ゴウ</t>
    </rPh>
    <rPh sb="4" eb="5">
      <t>ケイ</t>
    </rPh>
    <phoneticPr fontId="4"/>
  </si>
  <si>
    <t>構造材</t>
    <rPh sb="0" eb="3">
      <t>コウゾウザイ</t>
    </rPh>
    <phoneticPr fontId="4"/>
  </si>
  <si>
    <t>準構造材</t>
    <rPh sb="0" eb="1">
      <t>ジュン</t>
    </rPh>
    <rPh sb="1" eb="4">
      <t>コウゾウザイ</t>
    </rPh>
    <phoneticPr fontId="4"/>
  </si>
  <si>
    <t>使用木材</t>
    <rPh sb="0" eb="2">
      <t>シヨウ</t>
    </rPh>
    <rPh sb="2" eb="4">
      <t>モクザイ</t>
    </rPh>
    <phoneticPr fontId="4"/>
  </si>
  <si>
    <t>※３　使用材積欄は、１本当り材積を小数点第５位四捨五入して少数点第４位止めで算出し、数量を乗じた数量を記入してください。</t>
    <rPh sb="3" eb="5">
      <t>シヨウ</t>
    </rPh>
    <rPh sb="5" eb="7">
      <t>ザイセキ</t>
    </rPh>
    <rPh sb="7" eb="8">
      <t>ラン</t>
    </rPh>
    <rPh sb="11" eb="12">
      <t>ホン</t>
    </rPh>
    <rPh sb="12" eb="13">
      <t>アタ</t>
    </rPh>
    <rPh sb="14" eb="16">
      <t>ザイセキ</t>
    </rPh>
    <rPh sb="17" eb="20">
      <t>ショウスウテン</t>
    </rPh>
    <rPh sb="20" eb="21">
      <t>ダイ</t>
    </rPh>
    <rPh sb="22" eb="23">
      <t>イ</t>
    </rPh>
    <rPh sb="23" eb="27">
      <t>シシャゴニュウ</t>
    </rPh>
    <rPh sb="29" eb="31">
      <t>ショウスウ</t>
    </rPh>
    <rPh sb="31" eb="32">
      <t>テン</t>
    </rPh>
    <rPh sb="32" eb="33">
      <t>ダイ</t>
    </rPh>
    <rPh sb="34" eb="35">
      <t>イ</t>
    </rPh>
    <rPh sb="35" eb="36">
      <t>ド</t>
    </rPh>
    <rPh sb="38" eb="40">
      <t>サンシュツ</t>
    </rPh>
    <rPh sb="42" eb="44">
      <t>スウリョウ</t>
    </rPh>
    <rPh sb="45" eb="46">
      <t>ジョウ</t>
    </rPh>
    <rPh sb="48" eb="50">
      <t>スウリョウ</t>
    </rPh>
    <rPh sb="51" eb="53">
      <t>キニュウ</t>
    </rPh>
    <phoneticPr fontId="4"/>
  </si>
  <si>
    <t>うち県産木材
(㎥)</t>
    <rPh sb="2" eb="3">
      <t>ケン</t>
    </rPh>
    <rPh sb="3" eb="4">
      <t>サン</t>
    </rPh>
    <rPh sb="4" eb="6">
      <t>モクザイ</t>
    </rPh>
    <phoneticPr fontId="4"/>
  </si>
  <si>
    <t>使用材積
（合法木材）
（㎥）</t>
    <rPh sb="0" eb="2">
      <t>シヨウ</t>
    </rPh>
    <rPh sb="2" eb="3">
      <t>ザイ</t>
    </rPh>
    <rPh sb="3" eb="4">
      <t>セキ</t>
    </rPh>
    <rPh sb="6" eb="8">
      <t>ゴウホウ</t>
    </rPh>
    <rPh sb="8" eb="10">
      <t>モクザイ</t>
    </rPh>
    <phoneticPr fontId="4"/>
  </si>
  <si>
    <t>樹種</t>
    <rPh sb="0" eb="2">
      <t>ジュシュ</t>
    </rPh>
    <phoneticPr fontId="1"/>
  </si>
  <si>
    <t>※１　樹種ごとに小計を取る事。欄が不足する場合は別紙として作成することも可能。
※２　日本材のスギ・ヒノキ以外の樹種において、特定が困難な場合は「その他」と記載することも可能。</t>
    <rPh sb="43" eb="46">
      <t>ニホンザイ</t>
    </rPh>
    <rPh sb="53" eb="55">
      <t>イガイ</t>
    </rPh>
    <rPh sb="56" eb="58">
      <t>ジュシュ</t>
    </rPh>
    <rPh sb="63" eb="65">
      <t>トクテイ</t>
    </rPh>
    <rPh sb="66" eb="68">
      <t>コンナン</t>
    </rPh>
    <rPh sb="69" eb="71">
      <t>バアイ</t>
    </rPh>
    <rPh sb="75" eb="76">
      <t>タ</t>
    </rPh>
    <rPh sb="78" eb="80">
      <t>キサイ</t>
    </rPh>
    <rPh sb="85" eb="87">
      <t>カノウ</t>
    </rPh>
    <phoneticPr fontId="1"/>
  </si>
  <si>
    <t>※３　使用木材に計上するものは、木造住宅の木材使用量調査事業報告書（平成26年1月　（一社）日本木材総合情報センター）の表１.3で規定している構造材、準構造材とし、構造材は土台、大引き、梁、桁、母屋、柱等、準構造材は根太、垂木、間柱、筋かい等を指します。</t>
    <rPh sb="3" eb="5">
      <t>シヨウ</t>
    </rPh>
    <rPh sb="5" eb="7">
      <t>モクザイ</t>
    </rPh>
    <rPh sb="8" eb="10">
      <t>ケイジョウ</t>
    </rPh>
    <rPh sb="16" eb="18">
      <t>モクゾウ</t>
    </rPh>
    <rPh sb="18" eb="20">
      <t>ジュウタク</t>
    </rPh>
    <rPh sb="21" eb="23">
      <t>モクザイ</t>
    </rPh>
    <rPh sb="23" eb="25">
      <t>シヨウ</t>
    </rPh>
    <rPh sb="25" eb="26">
      <t>リョウ</t>
    </rPh>
    <rPh sb="26" eb="28">
      <t>チョウサ</t>
    </rPh>
    <rPh sb="28" eb="30">
      <t>ジギョウ</t>
    </rPh>
    <rPh sb="30" eb="33">
      <t>ホウコクショ</t>
    </rPh>
    <rPh sb="34" eb="36">
      <t>ヘイセイ</t>
    </rPh>
    <rPh sb="38" eb="39">
      <t>ネン</t>
    </rPh>
    <rPh sb="40" eb="41">
      <t>ガツ</t>
    </rPh>
    <rPh sb="43" eb="45">
      <t>イッシャ</t>
    </rPh>
    <rPh sb="46" eb="48">
      <t>ニホン</t>
    </rPh>
    <rPh sb="48" eb="50">
      <t>モクザイ</t>
    </rPh>
    <rPh sb="50" eb="52">
      <t>ソウゴウ</t>
    </rPh>
    <rPh sb="52" eb="54">
      <t>ジョウホウ</t>
    </rPh>
    <rPh sb="60" eb="61">
      <t>ヒョウ</t>
    </rPh>
    <rPh sb="65" eb="67">
      <t>キテイ</t>
    </rPh>
    <rPh sb="71" eb="74">
      <t>コウゾウザイ</t>
    </rPh>
    <rPh sb="75" eb="76">
      <t>ジュン</t>
    </rPh>
    <rPh sb="76" eb="79">
      <t>コウゾウザイ</t>
    </rPh>
    <rPh sb="82" eb="85">
      <t>コウゾウザイ</t>
    </rPh>
    <rPh sb="86" eb="88">
      <t>ドダイ</t>
    </rPh>
    <rPh sb="89" eb="91">
      <t>オオビ</t>
    </rPh>
    <rPh sb="93" eb="94">
      <t>ハリ</t>
    </rPh>
    <rPh sb="95" eb="96">
      <t>ケタ</t>
    </rPh>
    <rPh sb="97" eb="99">
      <t>モヤ</t>
    </rPh>
    <rPh sb="100" eb="101">
      <t>ハシラ</t>
    </rPh>
    <rPh sb="101" eb="102">
      <t>トウ</t>
    </rPh>
    <rPh sb="103" eb="104">
      <t>ジュン</t>
    </rPh>
    <rPh sb="104" eb="107">
      <t>コウゾウザイ</t>
    </rPh>
    <rPh sb="108" eb="110">
      <t>ネダ</t>
    </rPh>
    <rPh sb="111" eb="113">
      <t>タルキ</t>
    </rPh>
    <rPh sb="114" eb="116">
      <t>マバシラ</t>
    </rPh>
    <rPh sb="117" eb="118">
      <t>スジ</t>
    </rPh>
    <rPh sb="120" eb="121">
      <t>トウ</t>
    </rPh>
    <rPh sb="122" eb="123">
      <t>サ</t>
    </rPh>
    <phoneticPr fontId="4"/>
  </si>
  <si>
    <t>※４　使用材積欄は、１本当り材積を小数点第５位四捨五入して少数点第４位止めで算出し、数量を乗じた数量を記入してください。</t>
    <rPh sb="3" eb="5">
      <t>シヨウ</t>
    </rPh>
    <rPh sb="5" eb="7">
      <t>ザイセキ</t>
    </rPh>
    <rPh sb="7" eb="8">
      <t>ラン</t>
    </rPh>
    <rPh sb="11" eb="12">
      <t>ホン</t>
    </rPh>
    <rPh sb="12" eb="13">
      <t>アタ</t>
    </rPh>
    <rPh sb="14" eb="16">
      <t>ザイセキ</t>
    </rPh>
    <rPh sb="17" eb="20">
      <t>ショウスウテン</t>
    </rPh>
    <rPh sb="20" eb="21">
      <t>ダイ</t>
    </rPh>
    <rPh sb="22" eb="23">
      <t>イ</t>
    </rPh>
    <rPh sb="23" eb="27">
      <t>シシャゴニュウ</t>
    </rPh>
    <rPh sb="29" eb="31">
      <t>ショウスウ</t>
    </rPh>
    <rPh sb="31" eb="32">
      <t>テン</t>
    </rPh>
    <rPh sb="32" eb="33">
      <t>ダイ</t>
    </rPh>
    <rPh sb="34" eb="35">
      <t>イ</t>
    </rPh>
    <rPh sb="35" eb="36">
      <t>ド</t>
    </rPh>
    <rPh sb="38" eb="40">
      <t>サンシュツ</t>
    </rPh>
    <rPh sb="42" eb="44">
      <t>スウリョウ</t>
    </rPh>
    <rPh sb="45" eb="46">
      <t>ジョウ</t>
    </rPh>
    <rPh sb="48" eb="50">
      <t>スウリョウ</t>
    </rPh>
    <rPh sb="51" eb="53">
      <t>キニュウ</t>
    </rPh>
    <phoneticPr fontId="4"/>
  </si>
  <si>
    <t>様式３（２）木質化用</t>
    <rPh sb="0" eb="2">
      <t>ヨウシキ</t>
    </rPh>
    <rPh sb="6" eb="9">
      <t>モクシツカ</t>
    </rPh>
    <rPh sb="9" eb="10">
      <t>ヨウ</t>
    </rPh>
    <phoneticPr fontId="1"/>
  </si>
  <si>
    <t>様式３（１）木造用</t>
    <rPh sb="0" eb="2">
      <t>ヨウシキ</t>
    </rPh>
    <rPh sb="6" eb="8">
      <t>モクゾウ</t>
    </rPh>
    <rPh sb="8" eb="9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.0000_);[Red]\(#,##0.0000\)"/>
  </numFmts>
  <fonts count="17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Ｐゴシック"/>
      <family val="3"/>
      <charset val="128"/>
      <scheme val="minor"/>
    </font>
    <font>
      <sz val="11"/>
      <color rgb="FFFF0000"/>
      <name val="ＭＳ ゴシック"/>
      <family val="3"/>
      <charset val="128"/>
    </font>
    <font>
      <sz val="11"/>
      <color rgb="FFFF0000"/>
      <name val="ＭＳ 明朝"/>
      <family val="1"/>
      <charset val="128"/>
    </font>
    <font>
      <sz val="16"/>
      <color rgb="FFFF0000"/>
      <name val="ＭＳ 明朝"/>
      <family val="1"/>
      <charset val="128"/>
    </font>
    <font>
      <sz val="10"/>
      <color rgb="FFFF0000"/>
      <name val="ＭＳ ゴシック"/>
      <family val="3"/>
      <charset val="128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ck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medium">
        <color indexed="64"/>
      </bottom>
      <diagonal/>
    </border>
    <border>
      <left/>
      <right/>
      <top style="thick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ck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ck">
        <color indexed="64"/>
      </bottom>
      <diagonal/>
    </border>
    <border diagonalUp="1">
      <left style="thin">
        <color indexed="64"/>
      </left>
      <right style="medium">
        <color indexed="64"/>
      </right>
      <top style="thick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124">
    <xf numFmtId="0" fontId="0" fillId="0" borderId="0" xfId="0">
      <alignment vertical="center"/>
    </xf>
    <xf numFmtId="0" fontId="5" fillId="0" borderId="0" xfId="0" applyFont="1">
      <alignment vertical="center"/>
    </xf>
    <xf numFmtId="0" fontId="6" fillId="0" borderId="0" xfId="0" applyFont="1" applyBorder="1" applyAlignment="1">
      <alignment horizontal="center" vertical="center" shrinkToFit="1"/>
    </xf>
    <xf numFmtId="0" fontId="6" fillId="0" borderId="0" xfId="0" applyFont="1" applyBorder="1" applyAlignment="1">
      <alignment vertical="center" shrinkToFit="1"/>
    </xf>
    <xf numFmtId="0" fontId="6" fillId="0" borderId="0" xfId="0" applyFont="1" applyBorder="1" applyAlignment="1">
      <alignment horizontal="left" vertical="center" shrinkToFit="1"/>
    </xf>
    <xf numFmtId="176" fontId="6" fillId="0" borderId="0" xfId="0" applyNumberFormat="1" applyFont="1" applyBorder="1" applyAlignment="1">
      <alignment vertical="center" shrinkToFit="1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7" fillId="0" borderId="1" xfId="0" applyFont="1" applyFill="1" applyBorder="1" applyAlignment="1">
      <alignment horizontal="center" vertical="center" shrinkToFit="1"/>
    </xf>
    <xf numFmtId="0" fontId="2" fillId="0" borderId="1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0" fontId="2" fillId="0" borderId="0" xfId="0" applyFont="1">
      <alignment vertical="center"/>
    </xf>
    <xf numFmtId="0" fontId="7" fillId="0" borderId="5" xfId="0" applyFont="1" applyFill="1" applyBorder="1" applyAlignment="1">
      <alignment horizontal="center" vertical="center" shrinkToFit="1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176" fontId="2" fillId="0" borderId="6" xfId="0" applyNumberFormat="1" applyFont="1" applyBorder="1" applyAlignment="1">
      <alignment vertical="center"/>
    </xf>
    <xf numFmtId="176" fontId="2" fillId="0" borderId="9" xfId="0" applyNumberFormat="1" applyFont="1" applyBorder="1" applyAlignment="1">
      <alignment vertical="center"/>
    </xf>
    <xf numFmtId="0" fontId="7" fillId="0" borderId="10" xfId="0" applyFont="1" applyFill="1" applyBorder="1" applyAlignment="1">
      <alignment horizontal="center" vertical="center" shrinkToFit="1"/>
    </xf>
    <xf numFmtId="0" fontId="2" fillId="0" borderId="10" xfId="0" applyFont="1" applyBorder="1">
      <alignment vertical="center"/>
    </xf>
    <xf numFmtId="0" fontId="2" fillId="0" borderId="11" xfId="0" applyFont="1" applyBorder="1" applyAlignment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vertical="center"/>
    </xf>
    <xf numFmtId="176" fontId="2" fillId="0" borderId="11" xfId="0" applyNumberFormat="1" applyFont="1" applyBorder="1" applyAlignment="1">
      <alignment vertical="center"/>
    </xf>
    <xf numFmtId="176" fontId="2" fillId="0" borderId="14" xfId="0" applyNumberFormat="1" applyFont="1" applyBorder="1" applyAlignment="1">
      <alignment vertical="center"/>
    </xf>
    <xf numFmtId="0" fontId="6" fillId="0" borderId="16" xfId="0" applyFont="1" applyBorder="1" applyAlignment="1">
      <alignment vertical="center"/>
    </xf>
    <xf numFmtId="176" fontId="6" fillId="0" borderId="16" xfId="0" applyNumberFormat="1" applyFont="1" applyBorder="1" applyAlignment="1">
      <alignment vertical="center"/>
    </xf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176" fontId="2" fillId="0" borderId="0" xfId="0" applyNumberFormat="1" applyFont="1">
      <alignment vertical="center"/>
    </xf>
    <xf numFmtId="0" fontId="9" fillId="0" borderId="0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176" fontId="8" fillId="0" borderId="0" xfId="0" applyNumberFormat="1" applyFont="1" applyBorder="1" applyAlignment="1">
      <alignment vertical="center"/>
    </xf>
    <xf numFmtId="0" fontId="2" fillId="0" borderId="18" xfId="0" applyFont="1" applyBorder="1" applyAlignment="1">
      <alignment vertical="center"/>
    </xf>
    <xf numFmtId="0" fontId="2" fillId="0" borderId="19" xfId="0" applyFont="1" applyBorder="1" applyAlignment="1">
      <alignment vertical="center"/>
    </xf>
    <xf numFmtId="0" fontId="2" fillId="0" borderId="20" xfId="0" applyFont="1" applyBorder="1">
      <alignment vertical="center"/>
    </xf>
    <xf numFmtId="0" fontId="7" fillId="0" borderId="14" xfId="0" applyFont="1" applyFill="1" applyBorder="1" applyAlignment="1">
      <alignment vertical="center" shrinkToFit="1"/>
    </xf>
    <xf numFmtId="0" fontId="7" fillId="0" borderId="23" xfId="0" applyFont="1" applyFill="1" applyBorder="1" applyAlignment="1">
      <alignment horizontal="center" vertical="center" shrinkToFit="1"/>
    </xf>
    <xf numFmtId="0" fontId="7" fillId="0" borderId="24" xfId="0" applyFont="1" applyFill="1" applyBorder="1" applyAlignment="1">
      <alignment horizontal="center" vertical="center" shrinkToFit="1"/>
    </xf>
    <xf numFmtId="0" fontId="7" fillId="0" borderId="25" xfId="0" applyFont="1" applyFill="1" applyBorder="1" applyAlignment="1">
      <alignment horizontal="center" vertical="center" shrinkToFit="1"/>
    </xf>
    <xf numFmtId="0" fontId="2" fillId="0" borderId="9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176" fontId="7" fillId="0" borderId="42" xfId="0" applyNumberFormat="1" applyFont="1" applyFill="1" applyBorder="1" applyAlignment="1">
      <alignment horizontal="center" vertical="center" wrapText="1" shrinkToFit="1"/>
    </xf>
    <xf numFmtId="0" fontId="2" fillId="0" borderId="46" xfId="0" applyFont="1" applyBorder="1" applyAlignment="1">
      <alignment vertical="center"/>
    </xf>
    <xf numFmtId="176" fontId="2" fillId="0" borderId="46" xfId="0" applyNumberFormat="1" applyFont="1" applyBorder="1" applyAlignment="1">
      <alignment vertical="center"/>
    </xf>
    <xf numFmtId="0" fontId="2" fillId="0" borderId="50" xfId="0" applyFont="1" applyBorder="1">
      <alignment vertical="center"/>
    </xf>
    <xf numFmtId="0" fontId="2" fillId="0" borderId="51" xfId="0" applyFont="1" applyBorder="1">
      <alignment vertical="center"/>
    </xf>
    <xf numFmtId="0" fontId="2" fillId="0" borderId="52" xfId="0" applyFont="1" applyBorder="1">
      <alignment vertical="center"/>
    </xf>
    <xf numFmtId="176" fontId="6" fillId="0" borderId="55" xfId="0" applyNumberFormat="1" applyFont="1" applyFill="1" applyBorder="1" applyAlignment="1">
      <alignment vertical="center" shrinkToFit="1"/>
    </xf>
    <xf numFmtId="0" fontId="6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176" fontId="6" fillId="0" borderId="34" xfId="0" applyNumberFormat="1" applyFont="1" applyBorder="1" applyAlignment="1">
      <alignment horizontal="center" vertical="center"/>
    </xf>
    <xf numFmtId="0" fontId="2" fillId="0" borderId="54" xfId="0" applyFont="1" applyBorder="1">
      <alignment vertical="center"/>
    </xf>
    <xf numFmtId="0" fontId="2" fillId="0" borderId="57" xfId="0" applyFont="1" applyBorder="1">
      <alignment vertical="center"/>
    </xf>
    <xf numFmtId="0" fontId="2" fillId="0" borderId="56" xfId="0" applyFont="1" applyBorder="1">
      <alignment vertical="center"/>
    </xf>
    <xf numFmtId="0" fontId="2" fillId="0" borderId="59" xfId="0" applyFont="1" applyBorder="1">
      <alignment vertical="center"/>
    </xf>
    <xf numFmtId="0" fontId="2" fillId="0" borderId="58" xfId="0" applyFont="1" applyBorder="1">
      <alignment vertical="center"/>
    </xf>
    <xf numFmtId="0" fontId="6" fillId="0" borderId="60" xfId="0" applyFont="1" applyBorder="1">
      <alignment vertical="center"/>
    </xf>
    <xf numFmtId="0" fontId="12" fillId="0" borderId="0" xfId="0" applyFont="1" applyAlignment="1">
      <alignment horizontal="left" vertical="center"/>
    </xf>
    <xf numFmtId="0" fontId="12" fillId="0" borderId="0" xfId="0" applyFont="1" applyAlignment="1">
      <alignment horizontal="center" vertical="center"/>
    </xf>
    <xf numFmtId="0" fontId="13" fillId="0" borderId="0" xfId="0" applyFont="1">
      <alignment vertical="center"/>
    </xf>
    <xf numFmtId="0" fontId="13" fillId="0" borderId="0" xfId="0" applyFont="1" applyAlignment="1">
      <alignment horizontal="center" vertical="center"/>
    </xf>
    <xf numFmtId="176" fontId="13" fillId="0" borderId="0" xfId="0" applyNumberFormat="1" applyFont="1">
      <alignment vertical="center"/>
    </xf>
    <xf numFmtId="0" fontId="14" fillId="0" borderId="0" xfId="0" applyFont="1">
      <alignment vertical="center"/>
    </xf>
    <xf numFmtId="0" fontId="12" fillId="0" borderId="0" xfId="0" applyFont="1">
      <alignment vertical="center"/>
    </xf>
    <xf numFmtId="0" fontId="12" fillId="0" borderId="0" xfId="0" applyFont="1" applyAlignment="1">
      <alignment vertical="center"/>
    </xf>
    <xf numFmtId="0" fontId="16" fillId="0" borderId="0" xfId="0" applyFont="1" applyAlignment="1">
      <alignment vertical="center"/>
    </xf>
    <xf numFmtId="0" fontId="15" fillId="0" borderId="0" xfId="0" applyFont="1" applyAlignment="1">
      <alignment horizontal="center" vertical="center"/>
    </xf>
    <xf numFmtId="0" fontId="13" fillId="0" borderId="0" xfId="0" applyFont="1" applyAlignment="1">
      <alignment horizontal="right" vertical="center"/>
    </xf>
    <xf numFmtId="0" fontId="6" fillId="0" borderId="61" xfId="0" applyFont="1" applyFill="1" applyBorder="1" applyAlignment="1">
      <alignment horizontal="center" vertical="center" shrinkToFit="1"/>
    </xf>
    <xf numFmtId="0" fontId="0" fillId="0" borderId="5" xfId="0" applyFont="1" applyFill="1" applyBorder="1" applyAlignment="1">
      <alignment horizontal="center" vertical="center" shrinkToFit="1"/>
    </xf>
    <xf numFmtId="0" fontId="12" fillId="0" borderId="27" xfId="0" applyFont="1" applyBorder="1">
      <alignment vertical="center"/>
    </xf>
    <xf numFmtId="0" fontId="11" fillId="0" borderId="0" xfId="0" applyFont="1" applyBorder="1" applyAlignment="1">
      <alignment vertical="center" wrapText="1"/>
    </xf>
    <xf numFmtId="0" fontId="3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7" fillId="0" borderId="26" xfId="0" applyFont="1" applyFill="1" applyBorder="1" applyAlignment="1">
      <alignment horizontal="center" vertical="center" textRotation="255" shrinkToFit="1"/>
    </xf>
    <xf numFmtId="0" fontId="7" fillId="0" borderId="27" xfId="0" applyFont="1" applyFill="1" applyBorder="1" applyAlignment="1">
      <alignment horizontal="center" vertical="center" textRotation="255" shrinkToFit="1"/>
    </xf>
    <xf numFmtId="0" fontId="7" fillId="0" borderId="28" xfId="0" applyFont="1" applyFill="1" applyBorder="1" applyAlignment="1">
      <alignment horizontal="center" vertical="center" textRotation="255" shrinkToFit="1"/>
    </xf>
    <xf numFmtId="0" fontId="9" fillId="0" borderId="0" xfId="0" applyFont="1" applyBorder="1" applyAlignment="1">
      <alignment vertical="center" wrapText="1"/>
    </xf>
    <xf numFmtId="0" fontId="6" fillId="0" borderId="47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/>
    </xf>
    <xf numFmtId="0" fontId="7" fillId="0" borderId="14" xfId="0" applyFont="1" applyFill="1" applyBorder="1" applyAlignment="1">
      <alignment horizontal="center" vertical="center" shrinkToFit="1"/>
    </xf>
    <xf numFmtId="0" fontId="7" fillId="0" borderId="15" xfId="0" applyFont="1" applyFill="1" applyBorder="1" applyAlignment="1">
      <alignment horizontal="center" vertical="center" shrinkToFit="1"/>
    </xf>
    <xf numFmtId="0" fontId="7" fillId="0" borderId="21" xfId="0" applyFont="1" applyFill="1" applyBorder="1" applyAlignment="1">
      <alignment horizontal="center" vertical="center" shrinkToFit="1"/>
    </xf>
    <xf numFmtId="0" fontId="6" fillId="0" borderId="22" xfId="0" applyFont="1" applyFill="1" applyBorder="1" applyAlignment="1">
      <alignment horizontal="center" vertical="center" shrinkToFit="1"/>
    </xf>
    <xf numFmtId="0" fontId="6" fillId="0" borderId="30" xfId="0" applyFont="1" applyFill="1" applyBorder="1" applyAlignment="1">
      <alignment horizontal="center" vertical="center" shrinkToFit="1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/>
    </xf>
    <xf numFmtId="0" fontId="7" fillId="0" borderId="29" xfId="0" applyFont="1" applyFill="1" applyBorder="1" applyAlignment="1">
      <alignment horizontal="center" vertical="center" textRotation="255" shrinkToFit="1"/>
    </xf>
    <xf numFmtId="0" fontId="11" fillId="0" borderId="62" xfId="0" applyFont="1" applyBorder="1" applyAlignment="1">
      <alignment horizontal="left" vertical="center" wrapText="1"/>
    </xf>
    <xf numFmtId="0" fontId="3" fillId="0" borderId="0" xfId="0" applyFont="1" applyBorder="1" applyAlignment="1">
      <alignment vertical="center" shrinkToFit="1"/>
    </xf>
    <xf numFmtId="0" fontId="7" fillId="0" borderId="36" xfId="0" applyFont="1" applyFill="1" applyBorder="1" applyAlignment="1">
      <alignment horizontal="center" vertical="center" shrinkToFit="1"/>
    </xf>
    <xf numFmtId="0" fontId="7" fillId="0" borderId="37" xfId="0" applyFont="1" applyFill="1" applyBorder="1" applyAlignment="1">
      <alignment horizontal="center" vertical="center" shrinkToFit="1"/>
    </xf>
    <xf numFmtId="0" fontId="7" fillId="0" borderId="38" xfId="0" applyFont="1" applyFill="1" applyBorder="1" applyAlignment="1">
      <alignment horizontal="center" vertical="center" shrinkToFit="1"/>
    </xf>
    <xf numFmtId="0" fontId="7" fillId="0" borderId="17" xfId="0" applyFont="1" applyFill="1" applyBorder="1" applyAlignment="1">
      <alignment horizontal="center" vertical="center" shrinkToFit="1"/>
    </xf>
    <xf numFmtId="0" fontId="7" fillId="0" borderId="39" xfId="0" applyFont="1" applyFill="1" applyBorder="1" applyAlignment="1">
      <alignment horizontal="center" vertical="center" wrapText="1" shrinkToFit="1"/>
    </xf>
    <xf numFmtId="0" fontId="7" fillId="0" borderId="40" xfId="0" applyFont="1" applyFill="1" applyBorder="1" applyAlignment="1">
      <alignment horizontal="center" vertical="center" wrapText="1" shrinkToFit="1"/>
    </xf>
    <xf numFmtId="0" fontId="7" fillId="0" borderId="39" xfId="0" applyFont="1" applyFill="1" applyBorder="1" applyAlignment="1">
      <alignment horizontal="center" vertical="center" shrinkToFit="1"/>
    </xf>
    <xf numFmtId="0" fontId="7" fillId="0" borderId="40" xfId="0" applyFont="1" applyFill="1" applyBorder="1" applyAlignment="1">
      <alignment horizontal="center" vertical="center" shrinkToFit="1"/>
    </xf>
    <xf numFmtId="0" fontId="8" fillId="0" borderId="41" xfId="0" applyFont="1" applyFill="1" applyBorder="1" applyAlignment="1">
      <alignment horizontal="center" vertical="center" wrapText="1" shrinkToFit="1"/>
    </xf>
    <xf numFmtId="0" fontId="8" fillId="0" borderId="40" xfId="0" applyFont="1" applyFill="1" applyBorder="1" applyAlignment="1">
      <alignment horizontal="center" vertical="center" wrapText="1" shrinkToFit="1"/>
    </xf>
    <xf numFmtId="0" fontId="6" fillId="0" borderId="53" xfId="0" applyFont="1" applyBorder="1" applyAlignment="1">
      <alignment horizontal="center" vertical="center"/>
    </xf>
    <xf numFmtId="0" fontId="6" fillId="0" borderId="49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 shrinkToFit="1"/>
    </xf>
    <xf numFmtId="0" fontId="6" fillId="0" borderId="0" xfId="0" applyFont="1" applyAlignment="1">
      <alignment horizontal="left" vertical="center"/>
    </xf>
    <xf numFmtId="0" fontId="7" fillId="0" borderId="43" xfId="0" applyFont="1" applyFill="1" applyBorder="1" applyAlignment="1">
      <alignment horizontal="center" vertical="center" shrinkToFit="1"/>
    </xf>
    <xf numFmtId="0" fontId="7" fillId="0" borderId="44" xfId="0" applyFont="1" applyFill="1" applyBorder="1" applyAlignment="1">
      <alignment horizontal="center" vertical="center" shrinkToFit="1"/>
    </xf>
    <xf numFmtId="0" fontId="7" fillId="0" borderId="45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28</xdr:row>
      <xdr:rowOff>9525</xdr:rowOff>
    </xdr:from>
    <xdr:to>
      <xdr:col>6</xdr:col>
      <xdr:colOff>647700</xdr:colOff>
      <xdr:row>29</xdr:row>
      <xdr:rowOff>0</xdr:rowOff>
    </xdr:to>
    <xdr:sp macro="" textlink="">
      <xdr:nvSpPr>
        <xdr:cNvPr id="21704" name="Line 1"/>
        <xdr:cNvSpPr>
          <a:spLocks noChangeShapeType="1"/>
        </xdr:cNvSpPr>
      </xdr:nvSpPr>
      <xdr:spPr bwMode="auto">
        <a:xfrm flipV="1">
          <a:off x="2333625" y="13344525"/>
          <a:ext cx="3019425" cy="2952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2</xdr:row>
      <xdr:rowOff>9525</xdr:rowOff>
    </xdr:from>
    <xdr:to>
      <xdr:col>5</xdr:col>
      <xdr:colOff>647700</xdr:colOff>
      <xdr:row>23</xdr:row>
      <xdr:rowOff>0</xdr:rowOff>
    </xdr:to>
    <xdr:sp macro="" textlink="">
      <xdr:nvSpPr>
        <xdr:cNvPr id="23581" name="Line 1"/>
        <xdr:cNvSpPr>
          <a:spLocks noChangeShapeType="1"/>
        </xdr:cNvSpPr>
      </xdr:nvSpPr>
      <xdr:spPr bwMode="auto">
        <a:xfrm flipV="1">
          <a:off x="1619250" y="13039725"/>
          <a:ext cx="3019425" cy="2952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5"/>
  <sheetViews>
    <sheetView showGridLines="0" tabSelected="1" view="pageBreakPreview" zoomScaleNormal="75" zoomScaleSheetLayoutView="100" workbookViewId="0">
      <selection activeCell="C5" sqref="C5:C6"/>
    </sheetView>
  </sheetViews>
  <sheetFormatPr defaultColWidth="9" defaultRowHeight="13.2"/>
  <cols>
    <col min="1" max="1" width="9.3984375" style="30" customWidth="1"/>
    <col min="2" max="2" width="21.19921875" style="30" customWidth="1"/>
    <col min="3" max="3" width="12.3984375" style="13" customWidth="1"/>
    <col min="4" max="4" width="7.59765625" style="13" customWidth="1"/>
    <col min="5" max="5" width="3.5" style="31" bestFit="1" customWidth="1"/>
    <col min="6" max="6" width="7.59765625" style="13" customWidth="1"/>
    <col min="7" max="7" width="8.59765625" style="13" customWidth="1"/>
    <col min="8" max="8" width="13.59765625" style="13" customWidth="1"/>
    <col min="9" max="9" width="13.09765625" style="32" customWidth="1"/>
    <col min="10" max="16384" width="9" style="13"/>
  </cols>
  <sheetData>
    <row r="1" spans="1:10" ht="19.5" customHeight="1">
      <c r="A1" s="84" t="s">
        <v>19</v>
      </c>
    </row>
    <row r="2" spans="1:10" ht="19.5" customHeight="1">
      <c r="A2" s="84"/>
    </row>
    <row r="3" spans="1:10" s="1" customFormat="1" ht="22.5" customHeight="1">
      <c r="A3" s="105" t="s">
        <v>1</v>
      </c>
      <c r="B3" s="105"/>
      <c r="C3" s="105"/>
      <c r="D3" s="105"/>
      <c r="E3" s="105"/>
      <c r="F3" s="105"/>
      <c r="G3" s="105"/>
      <c r="H3" s="105"/>
      <c r="I3" s="105"/>
    </row>
    <row r="4" spans="1:10" s="6" customFormat="1" ht="9.75" customHeight="1" thickBot="1">
      <c r="A4" s="2"/>
      <c r="B4" s="2"/>
      <c r="C4" s="3"/>
      <c r="D4" s="3"/>
      <c r="E4" s="2"/>
      <c r="F4" s="3"/>
      <c r="G4" s="4"/>
      <c r="H4" s="4"/>
      <c r="I4" s="5"/>
    </row>
    <row r="5" spans="1:10" s="6" customFormat="1" ht="15.75" customHeight="1">
      <c r="A5" s="106" t="s">
        <v>10</v>
      </c>
      <c r="B5" s="107"/>
      <c r="C5" s="110" t="s">
        <v>2</v>
      </c>
      <c r="D5" s="110" t="s">
        <v>3</v>
      </c>
      <c r="E5" s="110"/>
      <c r="F5" s="110"/>
      <c r="G5" s="112" t="s">
        <v>4</v>
      </c>
      <c r="H5" s="114" t="s">
        <v>13</v>
      </c>
      <c r="I5" s="53"/>
      <c r="J5" s="90" t="s">
        <v>14</v>
      </c>
    </row>
    <row r="6" spans="1:10" s="7" customFormat="1" ht="51" customHeight="1" thickBot="1">
      <c r="A6" s="108"/>
      <c r="B6" s="109"/>
      <c r="C6" s="111"/>
      <c r="D6" s="111"/>
      <c r="E6" s="111"/>
      <c r="F6" s="111"/>
      <c r="G6" s="113"/>
      <c r="H6" s="115"/>
      <c r="I6" s="47" t="s">
        <v>12</v>
      </c>
      <c r="J6" s="91"/>
    </row>
    <row r="7" spans="1:10" ht="24" customHeight="1">
      <c r="A7" s="103" t="s">
        <v>8</v>
      </c>
      <c r="B7" s="8"/>
      <c r="C7" s="9"/>
      <c r="D7" s="46"/>
      <c r="E7" s="10" t="s">
        <v>5</v>
      </c>
      <c r="F7" s="11"/>
      <c r="G7" s="9"/>
      <c r="H7" s="46"/>
      <c r="I7" s="12"/>
      <c r="J7" s="50"/>
    </row>
    <row r="8" spans="1:10" ht="24" customHeight="1">
      <c r="A8" s="103"/>
      <c r="B8" s="8"/>
      <c r="C8" s="9"/>
      <c r="D8" s="46"/>
      <c r="E8" s="10" t="s">
        <v>6</v>
      </c>
      <c r="F8" s="11"/>
      <c r="G8" s="9"/>
      <c r="H8" s="46"/>
      <c r="I8" s="12"/>
      <c r="J8" s="51"/>
    </row>
    <row r="9" spans="1:10" ht="24" customHeight="1">
      <c r="A9" s="103"/>
      <c r="B9" s="14"/>
      <c r="C9" s="15"/>
      <c r="D9" s="16"/>
      <c r="E9" s="17" t="s">
        <v>6</v>
      </c>
      <c r="F9" s="18"/>
      <c r="G9" s="15"/>
      <c r="H9" s="16"/>
      <c r="I9" s="19"/>
      <c r="J9" s="51"/>
    </row>
    <row r="10" spans="1:10" ht="24" customHeight="1">
      <c r="A10" s="103"/>
      <c r="B10" s="14"/>
      <c r="C10" s="15"/>
      <c r="D10" s="16"/>
      <c r="E10" s="17" t="s">
        <v>6</v>
      </c>
      <c r="F10" s="18"/>
      <c r="G10" s="15"/>
      <c r="H10" s="16"/>
      <c r="I10" s="19"/>
      <c r="J10" s="51"/>
    </row>
    <row r="11" spans="1:10" ht="24" customHeight="1">
      <c r="A11" s="103"/>
      <c r="B11" s="14"/>
      <c r="C11" s="15"/>
      <c r="D11" s="16"/>
      <c r="E11" s="17" t="s">
        <v>6</v>
      </c>
      <c r="F11" s="18"/>
      <c r="G11" s="15"/>
      <c r="H11" s="16"/>
      <c r="I11" s="19"/>
      <c r="J11" s="51"/>
    </row>
    <row r="12" spans="1:10" ht="24" customHeight="1">
      <c r="A12" s="103"/>
      <c r="B12" s="14"/>
      <c r="C12" s="15"/>
      <c r="D12" s="16"/>
      <c r="E12" s="17" t="s">
        <v>6</v>
      </c>
      <c r="F12" s="18"/>
      <c r="G12" s="15"/>
      <c r="H12" s="16"/>
      <c r="I12" s="19"/>
      <c r="J12" s="51"/>
    </row>
    <row r="13" spans="1:10" ht="24" customHeight="1">
      <c r="A13" s="103"/>
      <c r="B13" s="14"/>
      <c r="C13" s="15"/>
      <c r="D13" s="16"/>
      <c r="E13" s="17" t="s">
        <v>6</v>
      </c>
      <c r="F13" s="18"/>
      <c r="G13" s="15"/>
      <c r="H13" s="16"/>
      <c r="I13" s="19"/>
      <c r="J13" s="51"/>
    </row>
    <row r="14" spans="1:10" ht="24" customHeight="1">
      <c r="A14" s="103"/>
      <c r="B14" s="14"/>
      <c r="C14" s="15"/>
      <c r="D14" s="16"/>
      <c r="E14" s="17" t="s">
        <v>6</v>
      </c>
      <c r="F14" s="18"/>
      <c r="G14" s="15"/>
      <c r="H14" s="16"/>
      <c r="I14" s="19"/>
      <c r="J14" s="51"/>
    </row>
    <row r="15" spans="1:10" ht="24" customHeight="1">
      <c r="A15" s="103"/>
      <c r="B15" s="8"/>
      <c r="C15" s="9"/>
      <c r="D15" s="46"/>
      <c r="E15" s="10" t="s">
        <v>6</v>
      </c>
      <c r="F15" s="11"/>
      <c r="G15" s="9"/>
      <c r="H15" s="46"/>
      <c r="I15" s="12"/>
      <c r="J15" s="51"/>
    </row>
    <row r="16" spans="1:10" ht="24" customHeight="1">
      <c r="A16" s="103"/>
      <c r="B16" s="21"/>
      <c r="C16" s="22"/>
      <c r="D16" s="38"/>
      <c r="E16" s="82" t="s">
        <v>6</v>
      </c>
      <c r="F16" s="39"/>
      <c r="G16" s="40"/>
      <c r="H16" s="45"/>
      <c r="I16" s="20"/>
      <c r="J16" s="60"/>
    </row>
    <row r="17" spans="1:10" ht="24" customHeight="1">
      <c r="A17" s="103"/>
      <c r="B17" s="97" t="s">
        <v>0</v>
      </c>
      <c r="C17" s="98"/>
      <c r="D17" s="98"/>
      <c r="E17" s="98"/>
      <c r="F17" s="98"/>
      <c r="G17" s="99"/>
      <c r="H17" s="48"/>
      <c r="I17" s="49"/>
      <c r="J17" s="62"/>
    </row>
    <row r="18" spans="1:10" ht="24" customHeight="1">
      <c r="A18" s="86" t="s">
        <v>9</v>
      </c>
      <c r="B18" s="8"/>
      <c r="C18" s="9"/>
      <c r="D18" s="46"/>
      <c r="E18" s="10" t="s">
        <v>6</v>
      </c>
      <c r="F18" s="11"/>
      <c r="G18" s="9"/>
      <c r="H18" s="46"/>
      <c r="I18" s="12"/>
      <c r="J18" s="61"/>
    </row>
    <row r="19" spans="1:10" ht="24" customHeight="1">
      <c r="A19" s="87"/>
      <c r="B19" s="8"/>
      <c r="C19" s="9"/>
      <c r="D19" s="46"/>
      <c r="E19" s="10" t="s">
        <v>6</v>
      </c>
      <c r="F19" s="11"/>
      <c r="G19" s="9"/>
      <c r="H19" s="46"/>
      <c r="I19" s="12"/>
      <c r="J19" s="51"/>
    </row>
    <row r="20" spans="1:10" ht="24" customHeight="1">
      <c r="A20" s="87"/>
      <c r="B20" s="8"/>
      <c r="C20" s="9"/>
      <c r="D20" s="46"/>
      <c r="E20" s="10" t="s">
        <v>6</v>
      </c>
      <c r="F20" s="11"/>
      <c r="G20" s="9"/>
      <c r="H20" s="46"/>
      <c r="I20" s="12"/>
      <c r="J20" s="51"/>
    </row>
    <row r="21" spans="1:10" ht="24" customHeight="1">
      <c r="A21" s="87"/>
      <c r="B21" s="8"/>
      <c r="C21" s="9"/>
      <c r="D21" s="46"/>
      <c r="E21" s="10" t="s">
        <v>6</v>
      </c>
      <c r="F21" s="11"/>
      <c r="G21" s="9"/>
      <c r="H21" s="46"/>
      <c r="I21" s="12"/>
      <c r="J21" s="51"/>
    </row>
    <row r="22" spans="1:10" ht="24" customHeight="1">
      <c r="A22" s="87"/>
      <c r="B22" s="8"/>
      <c r="C22" s="9"/>
      <c r="D22" s="46"/>
      <c r="E22" s="10" t="s">
        <v>6</v>
      </c>
      <c r="F22" s="11"/>
      <c r="G22" s="9"/>
      <c r="H22" s="46"/>
      <c r="I22" s="12"/>
      <c r="J22" s="51"/>
    </row>
    <row r="23" spans="1:10" ht="24" customHeight="1">
      <c r="A23" s="87"/>
      <c r="B23" s="14"/>
      <c r="C23" s="15"/>
      <c r="D23" s="16"/>
      <c r="E23" s="17" t="s">
        <v>6</v>
      </c>
      <c r="F23" s="18"/>
      <c r="G23" s="15"/>
      <c r="H23" s="16"/>
      <c r="I23" s="19"/>
      <c r="J23" s="51"/>
    </row>
    <row r="24" spans="1:10" ht="24" customHeight="1">
      <c r="A24" s="87"/>
      <c r="B24" s="14"/>
      <c r="C24" s="15"/>
      <c r="D24" s="16"/>
      <c r="E24" s="17" t="s">
        <v>6</v>
      </c>
      <c r="F24" s="18"/>
      <c r="G24" s="15"/>
      <c r="H24" s="16"/>
      <c r="I24" s="19"/>
      <c r="J24" s="51"/>
    </row>
    <row r="25" spans="1:10" ht="24" customHeight="1">
      <c r="A25" s="87"/>
      <c r="B25" s="78"/>
      <c r="C25" s="15"/>
      <c r="D25" s="16"/>
      <c r="E25" s="17" t="s">
        <v>6</v>
      </c>
      <c r="F25" s="18"/>
      <c r="G25" s="15"/>
      <c r="H25" s="16"/>
      <c r="I25" s="19"/>
      <c r="J25" s="51"/>
    </row>
    <row r="26" spans="1:10" ht="24" customHeight="1">
      <c r="A26" s="87"/>
      <c r="B26" s="14"/>
      <c r="C26" s="15"/>
      <c r="D26" s="16"/>
      <c r="E26" s="17" t="s">
        <v>6</v>
      </c>
      <c r="F26" s="18"/>
      <c r="G26" s="15"/>
      <c r="H26" s="16"/>
      <c r="I26" s="19"/>
      <c r="J26" s="51"/>
    </row>
    <row r="27" spans="1:10" ht="24" customHeight="1">
      <c r="A27" s="87"/>
      <c r="B27" s="21"/>
      <c r="C27" s="22"/>
      <c r="D27" s="23"/>
      <c r="E27" s="24" t="s">
        <v>6</v>
      </c>
      <c r="F27" s="25"/>
      <c r="G27" s="22"/>
      <c r="H27" s="23"/>
      <c r="I27" s="26"/>
      <c r="J27" s="64"/>
    </row>
    <row r="28" spans="1:10" ht="24" customHeight="1" thickBot="1">
      <c r="A28" s="88"/>
      <c r="B28" s="92" t="s">
        <v>0</v>
      </c>
      <c r="C28" s="93"/>
      <c r="D28" s="93"/>
      <c r="E28" s="93"/>
      <c r="F28" s="93"/>
      <c r="G28" s="94"/>
      <c r="H28" s="41"/>
      <c r="I28" s="27"/>
      <c r="J28" s="63"/>
    </row>
    <row r="29" spans="1:10" s="6" customFormat="1" ht="24" customHeight="1" thickTop="1" thickBot="1">
      <c r="A29" s="95" t="s">
        <v>7</v>
      </c>
      <c r="B29" s="96"/>
      <c r="C29" s="100"/>
      <c r="D29" s="101"/>
      <c r="E29" s="101"/>
      <c r="F29" s="101"/>
      <c r="G29" s="102"/>
      <c r="H29" s="83"/>
      <c r="I29" s="59"/>
      <c r="J29" s="65"/>
    </row>
    <row r="30" spans="1:10" ht="30" customHeight="1">
      <c r="A30" s="104" t="s">
        <v>15</v>
      </c>
      <c r="B30" s="104"/>
      <c r="C30" s="104"/>
      <c r="D30" s="104"/>
      <c r="E30" s="104"/>
      <c r="F30" s="104"/>
      <c r="G30" s="104"/>
      <c r="H30" s="104"/>
      <c r="I30" s="104"/>
      <c r="J30" s="104"/>
    </row>
    <row r="31" spans="1:10" s="31" customFormat="1" ht="27" customHeight="1">
      <c r="A31" s="89" t="s">
        <v>16</v>
      </c>
      <c r="B31" s="89"/>
      <c r="C31" s="89"/>
      <c r="D31" s="89"/>
      <c r="E31" s="89"/>
      <c r="F31" s="89"/>
      <c r="G31" s="89"/>
      <c r="H31" s="89"/>
      <c r="I31" s="89"/>
    </row>
    <row r="32" spans="1:10" s="34" customFormat="1" ht="16.5" customHeight="1">
      <c r="A32" s="33" t="s">
        <v>17</v>
      </c>
      <c r="B32" s="35"/>
      <c r="C32" s="35"/>
      <c r="D32" s="35"/>
      <c r="E32" s="36"/>
      <c r="F32" s="35"/>
      <c r="G32" s="35"/>
      <c r="H32" s="35"/>
      <c r="I32" s="37"/>
    </row>
    <row r="33" spans="1:8" ht="12.6" customHeight="1"/>
    <row r="34" spans="1:8" ht="24" customHeight="1">
      <c r="A34" s="54"/>
      <c r="B34" s="55"/>
      <c r="C34" s="56"/>
      <c r="D34" s="85"/>
      <c r="E34" s="85"/>
      <c r="F34" s="57"/>
      <c r="G34" s="57"/>
      <c r="H34" s="57"/>
    </row>
    <row r="35" spans="1:8" ht="24" customHeight="1">
      <c r="A35" s="58"/>
      <c r="B35" s="55"/>
      <c r="C35" s="57"/>
      <c r="D35" s="85"/>
      <c r="E35" s="85"/>
      <c r="F35" s="57"/>
      <c r="G35" s="57"/>
      <c r="H35" s="57"/>
    </row>
  </sheetData>
  <mergeCells count="17">
    <mergeCell ref="A3:I3"/>
    <mergeCell ref="A5:B6"/>
    <mergeCell ref="C5:C6"/>
    <mergeCell ref="D5:F6"/>
    <mergeCell ref="G5:G6"/>
    <mergeCell ref="H5:H6"/>
    <mergeCell ref="D35:E35"/>
    <mergeCell ref="A18:A28"/>
    <mergeCell ref="A31:I31"/>
    <mergeCell ref="J5:J6"/>
    <mergeCell ref="B28:G28"/>
    <mergeCell ref="A29:B29"/>
    <mergeCell ref="B17:G17"/>
    <mergeCell ref="C29:G29"/>
    <mergeCell ref="D34:E34"/>
    <mergeCell ref="A7:A17"/>
    <mergeCell ref="A30:J30"/>
  </mergeCells>
  <phoneticPr fontId="1"/>
  <pageMargins left="1.1023622047244095" right="0.70866141732283461" top="0.74803149606299213" bottom="0.74803149606299213" header="0.31496062992125984" footer="0.31496062992125984"/>
  <pageSetup paperSize="9" scale="72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28"/>
  <sheetViews>
    <sheetView showGridLines="0" view="pageBreakPreview" zoomScaleNormal="100" zoomScaleSheetLayoutView="100" workbookViewId="0">
      <selection sqref="A1:I26"/>
    </sheetView>
  </sheetViews>
  <sheetFormatPr defaultColWidth="9" defaultRowHeight="13.2"/>
  <cols>
    <col min="1" max="1" width="21.19921875" style="67" customWidth="1"/>
    <col min="2" max="2" width="12.3984375" style="68" customWidth="1"/>
    <col min="3" max="3" width="7.59765625" style="68" customWidth="1"/>
    <col min="4" max="4" width="3.5" style="69" bestFit="1" customWidth="1"/>
    <col min="5" max="5" width="7.59765625" style="68" customWidth="1"/>
    <col min="6" max="6" width="8.59765625" style="68" customWidth="1"/>
    <col min="7" max="7" width="13.59765625" style="68" customWidth="1"/>
    <col min="8" max="8" width="13.09765625" style="70" customWidth="1"/>
    <col min="9" max="16384" width="9" style="68"/>
  </cols>
  <sheetData>
    <row r="1" spans="1:9" ht="19.5" customHeight="1">
      <c r="A1" s="120" t="s">
        <v>18</v>
      </c>
      <c r="B1" s="120"/>
      <c r="C1" s="120"/>
      <c r="D1" s="120"/>
      <c r="E1" s="120"/>
      <c r="F1" s="120"/>
      <c r="G1" s="120"/>
      <c r="H1" s="120"/>
      <c r="I1" s="32"/>
    </row>
    <row r="2" spans="1:9" ht="19.5" customHeight="1">
      <c r="A2" s="84"/>
      <c r="B2" s="30"/>
      <c r="C2" s="13"/>
      <c r="D2" s="13"/>
      <c r="E2" s="31"/>
      <c r="F2" s="13"/>
      <c r="G2" s="13"/>
      <c r="H2" s="13"/>
      <c r="I2" s="32"/>
    </row>
    <row r="3" spans="1:9" s="71" customFormat="1" ht="22.5" customHeight="1">
      <c r="A3" s="119" t="s">
        <v>1</v>
      </c>
      <c r="B3" s="119"/>
      <c r="C3" s="119"/>
      <c r="D3" s="119"/>
      <c r="E3" s="119"/>
      <c r="F3" s="119"/>
      <c r="G3" s="119"/>
      <c r="H3" s="119"/>
      <c r="I3" s="81"/>
    </row>
    <row r="4" spans="1:9" s="72" customFormat="1" ht="9.75" customHeight="1" thickBot="1">
      <c r="A4" s="2"/>
      <c r="B4" s="3"/>
      <c r="C4" s="3"/>
      <c r="D4" s="2"/>
      <c r="E4" s="3"/>
      <c r="F4" s="4"/>
      <c r="G4" s="4"/>
      <c r="H4" s="5"/>
      <c r="I4" s="6"/>
    </row>
    <row r="5" spans="1:9" s="72" customFormat="1" ht="15.75" customHeight="1">
      <c r="A5" s="121" t="s">
        <v>10</v>
      </c>
      <c r="B5" s="110" t="s">
        <v>2</v>
      </c>
      <c r="C5" s="110" t="s">
        <v>3</v>
      </c>
      <c r="D5" s="110"/>
      <c r="E5" s="110"/>
      <c r="F5" s="112" t="s">
        <v>4</v>
      </c>
      <c r="G5" s="114" t="s">
        <v>13</v>
      </c>
      <c r="H5" s="53"/>
      <c r="I5" s="116" t="s">
        <v>14</v>
      </c>
    </row>
    <row r="6" spans="1:9" s="75" customFormat="1" ht="51" customHeight="1" thickBot="1">
      <c r="A6" s="122"/>
      <c r="B6" s="111"/>
      <c r="C6" s="111"/>
      <c r="D6" s="111"/>
      <c r="E6" s="111"/>
      <c r="F6" s="113"/>
      <c r="G6" s="115"/>
      <c r="H6" s="47" t="s">
        <v>12</v>
      </c>
      <c r="I6" s="117"/>
    </row>
    <row r="7" spans="1:9" ht="24" customHeight="1">
      <c r="A7" s="42"/>
      <c r="B7" s="9"/>
      <c r="C7" s="46"/>
      <c r="D7" s="10" t="s">
        <v>5</v>
      </c>
      <c r="E7" s="11"/>
      <c r="F7" s="9"/>
      <c r="G7" s="46"/>
      <c r="H7" s="12"/>
      <c r="I7" s="50"/>
    </row>
    <row r="8" spans="1:9" ht="24" customHeight="1">
      <c r="A8" s="43"/>
      <c r="B8" s="15"/>
      <c r="C8" s="16"/>
      <c r="D8" s="17" t="s">
        <v>6</v>
      </c>
      <c r="E8" s="18"/>
      <c r="F8" s="15"/>
      <c r="G8" s="16"/>
      <c r="H8" s="19"/>
      <c r="I8" s="51"/>
    </row>
    <row r="9" spans="1:9" ht="24" customHeight="1">
      <c r="A9" s="43"/>
      <c r="B9" s="15"/>
      <c r="C9" s="16"/>
      <c r="D9" s="17" t="s">
        <v>6</v>
      </c>
      <c r="E9" s="18"/>
      <c r="F9" s="15"/>
      <c r="G9" s="16"/>
      <c r="H9" s="19"/>
      <c r="I9" s="51"/>
    </row>
    <row r="10" spans="1:9" ht="24" customHeight="1">
      <c r="A10" s="43"/>
      <c r="B10" s="15"/>
      <c r="C10" s="16"/>
      <c r="D10" s="17" t="s">
        <v>6</v>
      </c>
      <c r="E10" s="18"/>
      <c r="F10" s="15"/>
      <c r="G10" s="16"/>
      <c r="H10" s="19"/>
      <c r="I10" s="51"/>
    </row>
    <row r="11" spans="1:9" ht="24" customHeight="1">
      <c r="A11" s="43"/>
      <c r="B11" s="15"/>
      <c r="C11" s="16"/>
      <c r="D11" s="17" t="s">
        <v>6</v>
      </c>
      <c r="E11" s="18"/>
      <c r="F11" s="15"/>
      <c r="G11" s="16"/>
      <c r="H11" s="19"/>
      <c r="I11" s="51"/>
    </row>
    <row r="12" spans="1:9" ht="24" customHeight="1">
      <c r="A12" s="43"/>
      <c r="B12" s="15"/>
      <c r="C12" s="16"/>
      <c r="D12" s="17" t="s">
        <v>6</v>
      </c>
      <c r="E12" s="18"/>
      <c r="F12" s="15"/>
      <c r="G12" s="16"/>
      <c r="H12" s="19"/>
      <c r="I12" s="51"/>
    </row>
    <row r="13" spans="1:9" ht="24" customHeight="1">
      <c r="A13" s="43"/>
      <c r="B13" s="15"/>
      <c r="C13" s="16"/>
      <c r="D13" s="17" t="s">
        <v>6</v>
      </c>
      <c r="E13" s="18"/>
      <c r="F13" s="15"/>
      <c r="G13" s="16"/>
      <c r="H13" s="19"/>
      <c r="I13" s="51"/>
    </row>
    <row r="14" spans="1:9" ht="24" customHeight="1">
      <c r="A14" s="43"/>
      <c r="B14" s="15"/>
      <c r="C14" s="16"/>
      <c r="D14" s="17" t="s">
        <v>6</v>
      </c>
      <c r="E14" s="18"/>
      <c r="F14" s="15"/>
      <c r="G14" s="16"/>
      <c r="H14" s="19"/>
      <c r="I14" s="51"/>
    </row>
    <row r="15" spans="1:9" ht="24" customHeight="1">
      <c r="A15" s="43"/>
      <c r="B15" s="15"/>
      <c r="C15" s="16"/>
      <c r="D15" s="17" t="s">
        <v>6</v>
      </c>
      <c r="E15" s="18"/>
      <c r="F15" s="15"/>
      <c r="G15" s="16"/>
      <c r="H15" s="19"/>
      <c r="I15" s="51"/>
    </row>
    <row r="16" spans="1:9" ht="24" customHeight="1">
      <c r="A16" s="43"/>
      <c r="B16" s="15"/>
      <c r="C16" s="16"/>
      <c r="D16" s="17" t="s">
        <v>6</v>
      </c>
      <c r="E16" s="18"/>
      <c r="F16" s="15"/>
      <c r="G16" s="16"/>
      <c r="H16" s="19"/>
      <c r="I16" s="51"/>
    </row>
    <row r="17" spans="1:10" ht="24" customHeight="1">
      <c r="A17" s="42"/>
      <c r="B17" s="9"/>
      <c r="C17" s="46"/>
      <c r="D17" s="10" t="s">
        <v>6</v>
      </c>
      <c r="E17" s="11"/>
      <c r="F17" s="9"/>
      <c r="G17" s="46"/>
      <c r="H17" s="12"/>
      <c r="I17" s="51"/>
    </row>
    <row r="18" spans="1:10" ht="24" customHeight="1">
      <c r="A18" s="43"/>
      <c r="B18" s="15"/>
      <c r="C18" s="16"/>
      <c r="D18" s="17" t="s">
        <v>6</v>
      </c>
      <c r="E18" s="18"/>
      <c r="F18" s="15"/>
      <c r="G18" s="16"/>
      <c r="H18" s="19"/>
      <c r="I18" s="51"/>
    </row>
    <row r="19" spans="1:10" ht="24" customHeight="1">
      <c r="A19" s="43"/>
      <c r="B19" s="15"/>
      <c r="C19" s="16"/>
      <c r="D19" s="17" t="s">
        <v>6</v>
      </c>
      <c r="E19" s="18"/>
      <c r="F19" s="15"/>
      <c r="G19" s="16"/>
      <c r="H19" s="19"/>
      <c r="I19" s="51"/>
    </row>
    <row r="20" spans="1:10" ht="24" customHeight="1">
      <c r="A20" s="43"/>
      <c r="B20" s="15"/>
      <c r="C20" s="16"/>
      <c r="D20" s="17" t="s">
        <v>6</v>
      </c>
      <c r="E20" s="18"/>
      <c r="F20" s="15"/>
      <c r="G20" s="16"/>
      <c r="H20" s="19"/>
      <c r="I20" s="51"/>
    </row>
    <row r="21" spans="1:10" ht="24" customHeight="1">
      <c r="A21" s="44"/>
      <c r="B21" s="22"/>
      <c r="C21" s="23"/>
      <c r="D21" s="24" t="s">
        <v>6</v>
      </c>
      <c r="E21" s="25"/>
      <c r="F21" s="22"/>
      <c r="G21" s="23"/>
      <c r="H21" s="26"/>
      <c r="I21" s="51"/>
    </row>
    <row r="22" spans="1:10" ht="24" customHeight="1" thickBot="1">
      <c r="A22" s="123" t="s">
        <v>0</v>
      </c>
      <c r="B22" s="93"/>
      <c r="C22" s="93"/>
      <c r="D22" s="93"/>
      <c r="E22" s="93"/>
      <c r="F22" s="94"/>
      <c r="G22" s="41"/>
      <c r="H22" s="27"/>
      <c r="I22" s="52"/>
    </row>
    <row r="23" spans="1:10" s="72" customFormat="1" ht="24" customHeight="1" thickTop="1" thickBot="1">
      <c r="A23" s="77" t="s">
        <v>7</v>
      </c>
      <c r="B23" s="100"/>
      <c r="C23" s="101"/>
      <c r="D23" s="101"/>
      <c r="E23" s="101"/>
      <c r="F23" s="102"/>
      <c r="G23" s="28"/>
      <c r="H23" s="29"/>
      <c r="I23" s="65"/>
      <c r="J23" s="79"/>
    </row>
    <row r="24" spans="1:10" ht="29.4" customHeight="1">
      <c r="A24" s="104" t="s">
        <v>15</v>
      </c>
      <c r="B24" s="104"/>
      <c r="C24" s="104"/>
      <c r="D24" s="104"/>
      <c r="E24" s="104"/>
      <c r="F24" s="104"/>
      <c r="G24" s="104"/>
      <c r="H24" s="104"/>
      <c r="I24" s="104"/>
      <c r="J24" s="80"/>
    </row>
    <row r="25" spans="1:10" s="74" customFormat="1" ht="16.5" customHeight="1">
      <c r="A25" s="33" t="s">
        <v>11</v>
      </c>
      <c r="B25" s="35"/>
      <c r="C25" s="35"/>
      <c r="D25" s="35"/>
      <c r="E25" s="36"/>
      <c r="F25" s="35"/>
      <c r="G25" s="35"/>
      <c r="H25" s="35"/>
      <c r="I25" s="37"/>
    </row>
    <row r="26" spans="1:10" ht="12.6" customHeight="1">
      <c r="A26" s="30"/>
      <c r="B26" s="30"/>
      <c r="C26" s="13"/>
      <c r="D26" s="13"/>
      <c r="E26" s="31"/>
      <c r="F26" s="13"/>
      <c r="G26" s="13"/>
      <c r="H26" s="13"/>
      <c r="I26" s="32"/>
    </row>
    <row r="27" spans="1:10" ht="24" customHeight="1">
      <c r="A27" s="66"/>
      <c r="B27" s="67"/>
      <c r="C27" s="76"/>
      <c r="D27" s="118"/>
      <c r="E27" s="118"/>
      <c r="H27" s="68"/>
      <c r="I27" s="70"/>
    </row>
    <row r="28" spans="1:10" ht="24" customHeight="1">
      <c r="A28" s="73"/>
      <c r="B28" s="67"/>
      <c r="D28" s="118"/>
      <c r="E28" s="118"/>
      <c r="H28" s="68"/>
      <c r="I28" s="70"/>
    </row>
  </sheetData>
  <mergeCells count="13">
    <mergeCell ref="I5:I6"/>
    <mergeCell ref="D27:E27"/>
    <mergeCell ref="D28:E28"/>
    <mergeCell ref="A3:H3"/>
    <mergeCell ref="A1:H1"/>
    <mergeCell ref="A5:A6"/>
    <mergeCell ref="A22:F22"/>
    <mergeCell ref="B23:F23"/>
    <mergeCell ref="B5:B6"/>
    <mergeCell ref="C5:E6"/>
    <mergeCell ref="F5:F6"/>
    <mergeCell ref="G5:G6"/>
    <mergeCell ref="A24:I24"/>
  </mergeCells>
  <phoneticPr fontId="1"/>
  <pageMargins left="1.1023622047244095" right="0.70866141732283472" top="0.74803149606299213" bottom="0.74803149606299213" header="0.31496062992125984" footer="0.31496062992125984"/>
  <pageSetup paperSize="9" scale="8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3（１）</vt:lpstr>
      <vt:lpstr>様式3（２）</vt:lpstr>
      <vt:lpstr>'様式3（１）'!Print_Area</vt:lpstr>
      <vt:lpstr>'様式3（２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4-04T06:45:48Z</cp:lastPrinted>
  <dcterms:created xsi:type="dcterms:W3CDTF">2010-01-29T04:15:20Z</dcterms:created>
  <dcterms:modified xsi:type="dcterms:W3CDTF">2023-07-07T03:02:21Z</dcterms:modified>
</cp:coreProperties>
</file>